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3\HP2403\"/>
    </mc:Choice>
  </mc:AlternateContent>
  <xr:revisionPtr revIDLastSave="0" documentId="8_{4335A0CE-BE83-4B90-8169-E05F42C2BC3F}" xr6:coauthVersionLast="47" xr6:coauthVersionMax="47" xr10:uidLastSave="{00000000-0000-0000-0000-000000000000}"/>
  <bookViews>
    <workbookView xWindow="-108" yWindow="-108" windowWidth="23256" windowHeight="12576" xr2:uid="{140B6CF5-1205-4640-9DCB-82FE592E342F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2" uniqueCount="34">
  <si>
    <t>富山市の人口</t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 xr:uid="{78C197E3-008E-493D-8C68-2CC11264942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6755E88-0AF5-48E1-B416-39B7D61D680A}">
  <sheetPr codeName="Sheet2">
    <pageSetUpPr fitToPage="1"/>
  </sheetPr>
  <dimension ref="A1:AK4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256" width="9" style="2"/>
    <col min="257" max="257" width="3.6640625" style="2" customWidth="1"/>
    <col min="258" max="263" width="5.6640625" style="2" customWidth="1"/>
    <col min="264" max="264" width="6.3320312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3320312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3320312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3320312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3320312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3320312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3320312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3320312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3320312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3320312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3320312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3320312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3320312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3320312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3320312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3320312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3320312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3320312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3320312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3320312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3320312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3320312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3320312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3320312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3320312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3320312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3320312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3320312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3320312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3320312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3320312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3320312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3320312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3320312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3320312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3320312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3320312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3320312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3320312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3320312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3320312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3320312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3320312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3320312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3320312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3320312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3320312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3320312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3320312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3320312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3320312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3320312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3320312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3320312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3320312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3320312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3320312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3320312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3320312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3320312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3320312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3320312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3320312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3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491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4870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7491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379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>
        <v>75</v>
      </c>
      <c r="C19" s="55">
        <v>90</v>
      </c>
      <c r="D19" s="56">
        <v>165</v>
      </c>
      <c r="E19" s="55">
        <v>224</v>
      </c>
      <c r="F19" s="55">
        <v>218</v>
      </c>
      <c r="G19" s="56">
        <v>442</v>
      </c>
      <c r="H19" s="56">
        <v>-277</v>
      </c>
      <c r="I19" s="55">
        <v>325</v>
      </c>
      <c r="J19" s="55">
        <v>102</v>
      </c>
      <c r="K19" s="55">
        <v>109</v>
      </c>
      <c r="L19" s="56">
        <v>211</v>
      </c>
      <c r="M19" s="55">
        <v>448</v>
      </c>
      <c r="N19" s="55">
        <v>328</v>
      </c>
      <c r="O19" s="55">
        <v>262</v>
      </c>
      <c r="P19" s="56">
        <v>590</v>
      </c>
      <c r="Q19" s="56">
        <v>801</v>
      </c>
      <c r="R19" s="55">
        <v>382</v>
      </c>
      <c r="S19" s="55">
        <v>117</v>
      </c>
      <c r="T19" s="55">
        <v>120</v>
      </c>
      <c r="U19" s="56">
        <v>237</v>
      </c>
      <c r="V19" s="55">
        <v>322</v>
      </c>
      <c r="W19" s="55">
        <v>312</v>
      </c>
      <c r="X19" s="55">
        <v>215</v>
      </c>
      <c r="Y19" s="56">
        <v>527</v>
      </c>
      <c r="Z19" s="56">
        <v>764</v>
      </c>
      <c r="AA19" s="56">
        <v>37</v>
      </c>
      <c r="AB19" s="56">
        <v>-240</v>
      </c>
      <c r="AC19" s="57">
        <v>185264</v>
      </c>
      <c r="AD19" s="57">
        <v>198008</v>
      </c>
      <c r="AE19" s="57">
        <v>207845</v>
      </c>
      <c r="AF19" s="58">
        <v>405853</v>
      </c>
    </row>
    <row r="20" spans="1:32" ht="20.100000000000001" customHeight="1" x14ac:dyDescent="0.2">
      <c r="A20" s="54">
        <v>3</v>
      </c>
      <c r="B20" s="55">
        <v>75</v>
      </c>
      <c r="C20" s="55">
        <v>83</v>
      </c>
      <c r="D20" s="56">
        <v>158</v>
      </c>
      <c r="E20" s="55">
        <v>241</v>
      </c>
      <c r="F20" s="55">
        <v>241</v>
      </c>
      <c r="G20" s="56">
        <v>482</v>
      </c>
      <c r="H20" s="56">
        <v>-324</v>
      </c>
      <c r="I20" s="55">
        <v>585</v>
      </c>
      <c r="J20" s="55">
        <v>249</v>
      </c>
      <c r="K20" s="55">
        <v>259</v>
      </c>
      <c r="L20" s="56">
        <v>508</v>
      </c>
      <c r="M20" s="55">
        <v>1143</v>
      </c>
      <c r="N20" s="55">
        <v>982</v>
      </c>
      <c r="O20" s="55">
        <v>687</v>
      </c>
      <c r="P20" s="56">
        <v>1669</v>
      </c>
      <c r="Q20" s="56">
        <v>2177</v>
      </c>
      <c r="R20" s="55">
        <v>517</v>
      </c>
      <c r="S20" s="55">
        <v>257</v>
      </c>
      <c r="T20" s="55">
        <v>208</v>
      </c>
      <c r="U20" s="56">
        <v>465</v>
      </c>
      <c r="V20" s="55">
        <v>984</v>
      </c>
      <c r="W20" s="55">
        <v>1325</v>
      </c>
      <c r="X20" s="55">
        <v>1046</v>
      </c>
      <c r="Y20" s="56">
        <v>2371</v>
      </c>
      <c r="Z20" s="56">
        <v>2836</v>
      </c>
      <c r="AA20" s="56">
        <v>-659</v>
      </c>
      <c r="AB20" s="56">
        <v>-983</v>
      </c>
      <c r="AC20" s="57">
        <v>185491</v>
      </c>
      <c r="AD20" s="57">
        <v>197491</v>
      </c>
      <c r="AE20" s="57">
        <v>207379</v>
      </c>
      <c r="AF20" s="58">
        <v>404870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263</v>
      </c>
      <c r="C30" s="70">
        <v>270</v>
      </c>
      <c r="D30" s="70">
        <v>533</v>
      </c>
      <c r="E30" s="70">
        <v>788</v>
      </c>
      <c r="F30" s="70">
        <v>715</v>
      </c>
      <c r="G30" s="70">
        <v>1503</v>
      </c>
      <c r="H30" s="70">
        <v>-970</v>
      </c>
      <c r="I30" s="70">
        <v>1190</v>
      </c>
      <c r="J30" s="70">
        <v>452</v>
      </c>
      <c r="K30" s="70">
        <v>470</v>
      </c>
      <c r="L30" s="70">
        <v>922</v>
      </c>
      <c r="M30" s="70">
        <v>2010</v>
      </c>
      <c r="N30" s="70">
        <v>1660</v>
      </c>
      <c r="O30" s="70">
        <v>1137</v>
      </c>
      <c r="P30" s="70">
        <v>2797</v>
      </c>
      <c r="Q30" s="70">
        <v>3719</v>
      </c>
      <c r="R30" s="70">
        <v>1355</v>
      </c>
      <c r="S30" s="70">
        <v>496</v>
      </c>
      <c r="T30" s="70">
        <v>415</v>
      </c>
      <c r="U30" s="70">
        <v>911</v>
      </c>
      <c r="V30" s="70">
        <v>1652</v>
      </c>
      <c r="W30" s="70">
        <v>1968</v>
      </c>
      <c r="X30" s="70">
        <v>1483</v>
      </c>
      <c r="Y30" s="70">
        <v>3451</v>
      </c>
      <c r="Z30" s="70">
        <v>4362</v>
      </c>
      <c r="AA30" s="70">
        <v>-643</v>
      </c>
      <c r="AB30" s="70">
        <v>-1613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37" x14ac:dyDescent="0.2">
      <c r="B33" s="74" t="s">
        <v>31</v>
      </c>
    </row>
    <row r="34" spans="2:37" x14ac:dyDescent="0.2">
      <c r="B34" s="74" t="s">
        <v>32</v>
      </c>
      <c r="AG34" s="75">
        <v>1</v>
      </c>
      <c r="AH34" s="76">
        <v>185195</v>
      </c>
      <c r="AI34" s="76">
        <v>198156</v>
      </c>
      <c r="AJ34" s="76">
        <v>207937</v>
      </c>
      <c r="AK34" s="76">
        <v>406093</v>
      </c>
    </row>
    <row r="35" spans="2:37" x14ac:dyDescent="0.2">
      <c r="B35" s="74" t="s">
        <v>33</v>
      </c>
      <c r="AG35" s="75">
        <v>2</v>
      </c>
      <c r="AH35" s="76">
        <v>185264</v>
      </c>
      <c r="AI35" s="76">
        <v>198008</v>
      </c>
      <c r="AJ35" s="76">
        <v>207845</v>
      </c>
      <c r="AK35" s="76">
        <v>405853</v>
      </c>
    </row>
    <row r="36" spans="2:37" x14ac:dyDescent="0.2">
      <c r="AG36" s="75">
        <v>3</v>
      </c>
      <c r="AH36" s="76">
        <v>185491</v>
      </c>
      <c r="AI36" s="76">
        <v>197491</v>
      </c>
      <c r="AJ36" s="76">
        <v>207379</v>
      </c>
      <c r="AK36" s="76">
        <v>404870</v>
      </c>
    </row>
    <row r="37" spans="2:37" x14ac:dyDescent="0.2">
      <c r="AG37" s="75">
        <v>4</v>
      </c>
      <c r="AH37" s="76" t="s">
        <v>29</v>
      </c>
      <c r="AI37" s="76" t="s">
        <v>29</v>
      </c>
      <c r="AJ37" s="76" t="s">
        <v>29</v>
      </c>
      <c r="AK37" s="76">
        <v>0</v>
      </c>
    </row>
    <row r="38" spans="2:37" x14ac:dyDescent="0.2">
      <c r="AG38" s="75">
        <v>5</v>
      </c>
      <c r="AH38" s="76" t="s">
        <v>29</v>
      </c>
      <c r="AI38" s="76" t="s">
        <v>29</v>
      </c>
      <c r="AJ38" s="76" t="s">
        <v>29</v>
      </c>
      <c r="AK38" s="76">
        <v>0</v>
      </c>
    </row>
    <row r="39" spans="2:37" x14ac:dyDescent="0.2">
      <c r="AG39" s="75">
        <v>6</v>
      </c>
      <c r="AH39" s="76" t="s">
        <v>29</v>
      </c>
      <c r="AI39" s="76" t="s">
        <v>29</v>
      </c>
      <c r="AJ39" s="76" t="s">
        <v>29</v>
      </c>
      <c r="AK39" s="76">
        <v>0</v>
      </c>
    </row>
    <row r="40" spans="2:37" x14ac:dyDescent="0.2">
      <c r="AG40" s="75">
        <v>7</v>
      </c>
      <c r="AH40" s="76" t="s">
        <v>29</v>
      </c>
      <c r="AI40" s="76" t="s">
        <v>29</v>
      </c>
      <c r="AJ40" s="76" t="s">
        <v>29</v>
      </c>
      <c r="AK40" s="76">
        <v>0</v>
      </c>
    </row>
    <row r="41" spans="2:37" x14ac:dyDescent="0.2">
      <c r="AG41" s="75">
        <v>8</v>
      </c>
      <c r="AH41" s="76" t="s">
        <v>29</v>
      </c>
      <c r="AI41" s="76" t="s">
        <v>29</v>
      </c>
      <c r="AJ41" s="76" t="s">
        <v>29</v>
      </c>
      <c r="AK41" s="76">
        <v>0</v>
      </c>
    </row>
    <row r="42" spans="2:37" x14ac:dyDescent="0.2">
      <c r="AG42" s="75">
        <v>9</v>
      </c>
      <c r="AH42" s="76" t="s">
        <v>29</v>
      </c>
      <c r="AI42" s="76" t="s">
        <v>29</v>
      </c>
      <c r="AJ42" s="76" t="s">
        <v>29</v>
      </c>
      <c r="AK42" s="76">
        <v>0</v>
      </c>
    </row>
    <row r="43" spans="2:37" x14ac:dyDescent="0.2">
      <c r="AG43" s="75">
        <v>10</v>
      </c>
      <c r="AH43" s="76" t="s">
        <v>29</v>
      </c>
      <c r="AI43" s="76" t="s">
        <v>29</v>
      </c>
      <c r="AJ43" s="76" t="s">
        <v>29</v>
      </c>
      <c r="AK43" s="76">
        <v>0</v>
      </c>
    </row>
    <row r="44" spans="2:37" x14ac:dyDescent="0.2">
      <c r="AG44" s="75">
        <v>11</v>
      </c>
      <c r="AH44" s="76" t="s">
        <v>29</v>
      </c>
      <c r="AI44" s="76" t="s">
        <v>29</v>
      </c>
      <c r="AJ44" s="76" t="s">
        <v>29</v>
      </c>
      <c r="AK44" s="76">
        <v>0</v>
      </c>
    </row>
    <row r="45" spans="2:37" x14ac:dyDescent="0.2">
      <c r="AG45" s="75">
        <v>12</v>
      </c>
      <c r="AH45" s="76" t="s">
        <v>29</v>
      </c>
      <c r="AI45" s="76" t="s">
        <v>29</v>
      </c>
      <c r="AJ45" s="76" t="s">
        <v>29</v>
      </c>
      <c r="AK45" s="76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4-02T02:11:26Z</dcterms:created>
  <dcterms:modified xsi:type="dcterms:W3CDTF">2024-04-02T02:11:26Z</dcterms:modified>
</cp:coreProperties>
</file>